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</p:sldIdLst>
  <p:sldSz cx="10058400" cy="7772400"/>
  <p:notesSz cx="6858000" cy="9144000"/>
  <p:custDataLst>
    <p:tags r:id="rId3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136" userDrawn="1">
          <p15:clr>
            <a:srgbClr val="A4A3A4"/>
          </p15:clr>
        </p15:guide>
        <p15:guide id="2" orient="horz" pos="1327" userDrawn="1">
          <p15:clr>
            <a:srgbClr val="A4A3A4"/>
          </p15:clr>
        </p15:guide>
        <p15:guide id="3" orient="horz" pos="2565" userDrawn="1">
          <p15:clr>
            <a:srgbClr val="A4A3A4"/>
          </p15:clr>
        </p15:guide>
        <p15:guide id="4" orient="horz" pos="2910" userDrawn="1">
          <p15:clr>
            <a:srgbClr val="A4A3A4"/>
          </p15:clr>
        </p15:guide>
        <p15:guide id="5" orient="horz" pos="4149" userDrawn="1">
          <p15:clr>
            <a:srgbClr val="A4A3A4"/>
          </p15:clr>
        </p15:guide>
        <p15:guide id="6" orient="horz" pos="4291" userDrawn="1">
          <p15:clr>
            <a:srgbClr val="A4A3A4"/>
          </p15:clr>
        </p15:guide>
        <p15:guide id="7" pos="301" userDrawn="1">
          <p15:clr>
            <a:srgbClr val="A4A3A4"/>
          </p15:clr>
        </p15:guide>
        <p15:guide id="8" pos="2998" userDrawn="1">
          <p15:clr>
            <a:srgbClr val="A4A3A4"/>
          </p15:clr>
        </p15:guide>
        <p15:guide id="9" pos="3340" userDrawn="1">
          <p15:clr>
            <a:srgbClr val="A4A3A4"/>
          </p15:clr>
        </p15:guide>
        <p15:guide id="10" pos="6039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991" autoAdjust="0"/>
    <p:restoredTop sz="94660"/>
  </p:normalViewPr>
  <p:slideViewPr>
    <p:cSldViewPr snapToGrid="0" snapToObjects="1">
      <p:cViewPr>
        <p:scale>
          <a:sx n="100" d="100"/>
          <a:sy n="100" d="100"/>
        </p:scale>
        <p:origin x="595" y="-1042"/>
      </p:cViewPr>
      <p:guideLst>
        <p:guide orient="horz" pos="1136"/>
        <p:guide orient="horz" pos="1327"/>
        <p:guide orient="horz" pos="2565"/>
        <p:guide orient="horz" pos="2910"/>
        <p:guide orient="horz" pos="4149"/>
        <p:guide orient="horz" pos="4291"/>
        <p:guide pos="301"/>
        <p:guide pos="2998"/>
        <p:guide pos="3340"/>
        <p:guide pos="6039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3" Type="http://schemas.openxmlformats.org/officeDocument/2006/relationships/tags" Target="tags/tag1.xml"/><Relationship Id="rId7" Type="http://schemas.openxmlformats.org/officeDocument/2006/relationships/tableStyles" Target="tableStyle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theme" Target="theme/theme1.xml"/><Relationship Id="rId5" Type="http://schemas.openxmlformats.org/officeDocument/2006/relationships/viewProps" Target="viewProps.xml"/><Relationship Id="rId4" Type="http://schemas.openxmlformats.org/officeDocument/2006/relationships/presProps" Target="presProps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475488" y="1920240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868680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475488" y="3703320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475488" y="5852160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68305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404872" y="640080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703320" y="3703320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81169592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2103120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92669849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1608707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88028532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96433660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475488" y="4617720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06125778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475488" y="1325880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07291853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0546215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475488" y="2651760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868680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475488" y="4343400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475488" y="6812280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404872" y="457200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2404872" y="7009299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4914900" y="710186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" name="Rectangle 1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294157" y="7031736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99630387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475488" y="457200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193381" y="1673352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457200" y="2039112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3719246828"/>
      </p:ext>
    </p:extLst>
  </p:cSld>
  <p:clrMapOvr>
    <a:masterClrMapping/>
  </p:clrMapOvr>
  <p:hf sldNum="0" hdr="0" ft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475488" y="1801368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02971287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475488" y="3977640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868680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475488" y="5440680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475488" y="68305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475488" y="5852160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404872" y="640080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84632" y="5440680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475488" y="1600200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819783384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602736" y="2103120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729984" y="2103120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340381703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1920240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3593592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475488" y="5276088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7785842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1920240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475488" y="3593592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475488" y="527608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303520" y="192024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303520" y="3593592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303520" y="527608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311085938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602736" y="21031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6729984" y="21031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475488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602736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6729984" y="4617720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57425241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2798064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120640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443216" y="21031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475488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2798064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120640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443216" y="4617720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68522119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475488" y="1325880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475488" y="2103120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108960" y="2103120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2889504" y="2103120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6342038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058400" cy="7772400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8997696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067544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2449774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224028" y="256032"/>
            <a:ext cx="9619489" cy="7251192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228600" y="2971800"/>
            <a:ext cx="8997696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228600" y="6016752"/>
            <a:ext cx="9628632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4982" y="3575304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4982" y="3181198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37226159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34670" y="1133856"/>
            <a:ext cx="2953512" cy="4434840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547872" y="1133856"/>
            <a:ext cx="2953512" cy="4434840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6766560" y="1128370"/>
            <a:ext cx="2953512" cy="4434840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8531352" y="795528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34670" y="5671109"/>
            <a:ext cx="938723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122219285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2899357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475488" y="1801368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7015897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05742844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75488" y="2103120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303520" y="21031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303520" y="4617720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475488" y="1325880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9713613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475488" y="457200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475488" y="1737360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0160" lvl="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475488" y="1234440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404872" y="457200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2404872" y="24688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475488" y="432240"/>
            <a:ext cx="65" cy="13221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US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4914900" y="708660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475488" y="7223760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US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294157" y="7031736"/>
            <a:ext cx="1288756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0160" indent="-6985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182880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384048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557784" indent="-219456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73152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1.xml"/><Relationship Id="rId1" Type="http://schemas.openxmlformats.org/officeDocument/2006/relationships/tags" Target="../tags/tag10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4914900" y="708660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49505909"/>
              </p:ext>
            </p:extLst>
          </p:nvPr>
        </p:nvGraphicFramePr>
        <p:xfrm>
          <a:off x="475488" y="1793875"/>
          <a:ext cx="9107424" cy="4646676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6100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4485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60985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791712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82880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9144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9144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9144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9144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69036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5720" marT="18288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Mar 19,2020</a:t>
                      </a:r>
                    </a:p>
                  </a:txBody>
                  <a:tcPr marL="45720" marT="18288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ccess to Indicative Bid Phase</a:t>
                      </a:r>
                    </a:p>
                  </a:txBody>
                  <a:tcPr marL="45720" marT="18288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Valuation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itial analysis based on indicative bid documents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ructure and Financing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art Financing discussion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pprovals</a:t>
                      </a:r>
                    </a:p>
                    <a:p>
                      <a:pPr marL="210312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llect required approvals</a:t>
                      </a:r>
                    </a:p>
                  </a:txBody>
                  <a:tcPr marL="45720" marT="18288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69036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9am Apr 9, 2020 (HKT)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- 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5pm Apr 9, 2020 (HKT)</a:t>
                      </a: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Indicative Bid Q&amp;A</a:t>
                      </a: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69036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5pm May 13, 2020 (HKT)</a:t>
                      </a: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228344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5720" marT="18288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Late May 2020</a:t>
                      </a: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Beginning of Final Bid Phase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ccess to Process Letter Two</a:t>
                      </a: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ite Visit and the Management Present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err="1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Organise</a:t>
                      </a: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visitation and presentation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Due </a:t>
                      </a:r>
                      <a:r>
                        <a:rPr lang="en-US" sz="900" b="0" i="0" u="none" strike="noStrike" cap="none" baseline="0" dirty="0" err="1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Dilligence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nduct the due diligence based on new inform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err="1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Organise</a:t>
                      </a: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the Q&amp;A Submissions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Valuation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 err="1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ise</a:t>
                      </a: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valuation based on the forecasted information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ncing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Confirm the sources for financing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pprovals</a:t>
                      </a:r>
                    </a:p>
                    <a:p>
                      <a:pPr marL="210312" marR="0" lvl="1" indent="-210312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tabLst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tart preparing applications for internal regulatory approvals</a:t>
                      </a: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228344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Late July 2020</a:t>
                      </a: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Final Bid</a:t>
                      </a:r>
                    </a:p>
                  </a:txBody>
                  <a:tcPr marL="45720" marT="18288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477838" y="2019300"/>
            <a:ext cx="998537" cy="19162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477838" y="4034118"/>
            <a:ext cx="998537" cy="2339789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SLIDEMASTERBRANDLOGORIGHT" val="754.56"/>
  <p:tag name="SLIDEMASTERBRANDLOGOBOTTOM" val="576"/>
  <p:tag name="SLIDEMASTERBRANDLOGOHEIGHT" val="22.32"/>
  <p:tag name="SLIDEMASTERBRANDLOGOWIDTH" val="102.96"/>
  <p:tag name="ISUNDOENTRY" val=""/>
  <p:tag name="ISROOTUNDO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"/>
  <p:tag name="SKIPCONVERSIONCHECK" val="true"/>
  <p:tag name="PITCHPROSLIDECOUNT" val="1"/>
  <p:tag name="SIZEANDPOSITION" val="8569db8a-2f8f-4be4-96d2-7eba77b048d6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Letter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2371ed14-b16b-4251-a66f-8169a77e0eda.potx" id="{C41E8DFA-0B2F-4452-968D-A0D493FBABE3}" vid="{E6289C63-3418-4D0A-8C18-BE9CDBB2D1B5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Letter</Template>
  <TotalTime>47</TotalTime>
  <Words>145</Words>
  <Application>Microsoft Office PowerPoint</Application>
  <PresentationFormat>Custom</PresentationFormat>
  <Paragraphs>41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6" baseType="lpstr">
      <vt:lpstr>Arial</vt:lpstr>
      <vt:lpstr>Arial Narrow</vt:lpstr>
      <vt:lpstr>Times New Roman</vt:lpstr>
      <vt:lpstr>Wingdings</vt:lpstr>
      <vt:lpstr>PP+ UnifiedGIB - Letter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Overview of auction process and key workstream</dc:title>
  <dc:creator>Guo, Dicky X</dc:creator>
  <cp:lastModifiedBy>Michael Ishak</cp:lastModifiedBy>
  <cp:revision>8</cp:revision>
  <dcterms:created xsi:type="dcterms:W3CDTF">2020-04-17T07:45:47Z</dcterms:created>
  <dcterms:modified xsi:type="dcterms:W3CDTF">2022-08-01T17:00:49Z</dcterms:modified>
</cp:coreProperties>
</file>